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mc:Ignorable="x15">
  <fileVersion appName="xl" lastEdited="6" lowestEdited="6" rupBuild="14420"/>
  <workbookPr/>
  <mc:AlternateContent xmlns:mc="http://schemas.openxmlformats.org/markup-compatibility/2006">
    <mc:Choice Requires="x15">
      <x15ac:absPath xmlns:x15ac="http://schemas.microsoft.com/office/spreadsheetml/2010/11/ac" url="V:\DCO\Team Zorgacademie\UNIT - Overkoepelend\Aanmeldmodule\"/>
    </mc:Choice>
  </mc:AlternateContent>
  <bookViews>
    <workbookView xWindow="37410" yWindow="810" windowWidth="31020" windowHeight="20040"/>
  </bookViews>
  <sheets>
    <sheet name="Sheet1" sheetId="1" r:id="rId1"/>
  </sheets>
  <externalReferences>
    <externalReference r:id="rId2"/>
  </externalReferences>
  <definedNames>
    <definedName name="Opleidingen">[1]Sheet1!$A$2:$A$433</definedName>
    <definedName name="voltijd">[1]Sheet1!$D$2:$D$3</definedName>
  </definedNames>
  <calcPr calcId="162913"/>
  <extLst>
    <ext xmlns:x15="http://schemas.microsoft.com/office/spreadsheetml/2010/11/main" uri="{140A7094-0E35-4892-8432-C4D2E57EDEB5}">
      <x15:workbookPr chartTrackingRefBase="1"/>
    </ext>
  </extLst>
</workbook>
</file>

<file path=xl/sharedStrings.xml><?xml version="1.0" encoding="utf-8"?>
<sst xmlns="http://schemas.openxmlformats.org/spreadsheetml/2006/main" count="90" uniqueCount="71">
  <si>
    <t>Voorvoegsels</t>
  </si>
  <si>
    <t>Roepnaam</t>
  </si>
  <si>
    <t>Wenst mailing</t>
  </si>
  <si>
    <t>Rekeningnummer</t>
  </si>
  <si>
    <t>BIC</t>
  </si>
  <si>
    <t>Naam rekeninghouder</t>
  </si>
  <si>
    <t>Plaats rekeninghouder</t>
  </si>
  <si>
    <t>Nummer</t>
  </si>
  <si>
    <t>Toevoeging</t>
  </si>
  <si>
    <t>Aanvulling</t>
  </si>
  <si>
    <t>Telefoonnummer</t>
  </si>
  <si>
    <t>Afloopdatum (dd-mm-yyyy)</t>
  </si>
  <si>
    <t>Opleiding elders</t>
  </si>
  <si>
    <t>V</t>
  </si>
  <si>
    <t>Nederlands</t>
  </si>
  <si>
    <t>K</t>
  </si>
  <si>
    <t>C</t>
  </si>
  <si>
    <t>Rotterdam</t>
  </si>
  <si>
    <t>Nederland</t>
  </si>
  <si>
    <t>Nederlandse</t>
  </si>
  <si>
    <t>Studentnummer</t>
  </si>
  <si>
    <t xml:space="preserve">Niet invullen </t>
  </si>
  <si>
    <t xml:space="preserve">niet invullen </t>
  </si>
  <si>
    <t xml:space="preserve">Achternaam </t>
  </si>
  <si>
    <t xml:space="preserve">Voornamen </t>
  </si>
  <si>
    <t>Voorletters</t>
  </si>
  <si>
    <t>Geslacht</t>
  </si>
  <si>
    <t xml:space="preserve">Rotterdam </t>
  </si>
  <si>
    <t xml:space="preserve">Geboorteplaats </t>
  </si>
  <si>
    <t>Geboorteland</t>
  </si>
  <si>
    <t>Nationaliteit</t>
  </si>
  <si>
    <t>Ingangsdatum nationaliteit (dd-mm-yyyy)</t>
  </si>
  <si>
    <t xml:space="preserve">Voertaal </t>
  </si>
  <si>
    <t>Geboortedatum (dd-mm-yyyy)</t>
  </si>
  <si>
    <t xml:space="preserve">Straatnaam </t>
  </si>
  <si>
    <t xml:space="preserve">Postcode </t>
  </si>
  <si>
    <t>Plaats</t>
  </si>
  <si>
    <t>Land</t>
  </si>
  <si>
    <t>06-12345678</t>
  </si>
  <si>
    <t>Soort inschrijving</t>
  </si>
  <si>
    <t xml:space="preserve">Examentype </t>
  </si>
  <si>
    <t xml:space="preserve">Collegejaar </t>
  </si>
  <si>
    <t>niet invullen</t>
  </si>
  <si>
    <t>Startmaand (dd-mm-yyyy)</t>
  </si>
  <si>
    <t>(altijd 1e dag van de maand)</t>
  </si>
  <si>
    <t>Afkomstig van instelling</t>
  </si>
  <si>
    <t>Voltijd/deeltijd</t>
  </si>
  <si>
    <t>Opleiding + unit</t>
  </si>
  <si>
    <t>(of maatwerktraject/losse leereenheden)</t>
  </si>
  <si>
    <t>-</t>
  </si>
  <si>
    <t>(M/V)</t>
  </si>
  <si>
    <t>(vul je geboortedatum in bij één nationaliteit)</t>
  </si>
  <si>
    <t>Karin</t>
  </si>
  <si>
    <t>Karels</t>
  </si>
  <si>
    <t>Privé e-mailadres</t>
  </si>
  <si>
    <t>karinkarels@outlook.com</t>
  </si>
  <si>
    <t>A</t>
  </si>
  <si>
    <t>1000AA</t>
  </si>
  <si>
    <t>(V/D)</t>
  </si>
  <si>
    <t xml:space="preserve">*Let op: dit is een tijdelijk aanmeldformulier i.v.m. een storing. Controleer altijd de aanmeldpagina op STiP voor de actuele wijze van aanmelden. </t>
  </si>
  <si>
    <t xml:space="preserve"> </t>
  </si>
  <si>
    <t>Karin Johanna Elisabeth</t>
  </si>
  <si>
    <t xml:space="preserve">K.J.E. </t>
  </si>
  <si>
    <t>Maasstraat</t>
  </si>
  <si>
    <t>Kinderverpleegkundige</t>
  </si>
  <si>
    <r>
      <t xml:space="preserve"> Vul deze regel in </t>
    </r>
    <r>
      <rPr>
        <b/>
        <sz val="11"/>
        <color theme="1"/>
        <rFont val="Calibri"/>
        <family val="2"/>
      </rPr>
      <t>→</t>
    </r>
  </si>
  <si>
    <t>(meisjesnaam/geboortenaam)</t>
  </si>
  <si>
    <r>
      <t>Aanmeldformulier - zonder ERNA-account</t>
    </r>
    <r>
      <rPr>
        <sz val="13"/>
        <color theme="1"/>
        <rFont val="Calibri"/>
        <family val="2"/>
        <scheme val="minor"/>
      </rPr>
      <t>*</t>
    </r>
  </si>
  <si>
    <r>
      <t xml:space="preserve">Vul hieronder uitsluitend de blauw gearceerde vakken in en laat de grijze vakken leeg. De eerste regel (Karin Karels) is een voorbeeld van hoe je het formulier dient in te vullen. </t>
    </r>
    <r>
      <rPr>
        <b/>
        <sz val="11"/>
        <color theme="1"/>
        <rFont val="Calibri"/>
        <family val="2"/>
        <scheme val="minor"/>
      </rPr>
      <t>Alle personalia dienen overeen te komen met het ID</t>
    </r>
    <r>
      <rPr>
        <sz val="11"/>
        <color theme="1"/>
        <rFont val="Calibri"/>
        <family val="2"/>
        <scheme val="minor"/>
      </rPr>
      <t xml:space="preserve">. </t>
    </r>
  </si>
  <si>
    <t xml:space="preserve">Dit formulier vul je alleen in wanneer je nog géén ERNA-account hebt. Heb je wel een ERNA-account (ofwel studentnummer), kies dan voor aanmelden mét ERNA-account op de aanmeldpagina. </t>
  </si>
  <si>
    <t>Nee</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mc:Ignorable="x14ac x16r2">
  <numFmts count="1">
    <numFmt numFmtId="164" formatCode="d/mm/yyyy;@"/>
  </numFmts>
  <fonts count="12" x14ac:knownFonts="1">
    <font>
      <sz val="11"/>
      <color theme="1"/>
      <name val="Calibri"/>
      <family val="2"/>
      <scheme val="minor"/>
    </font>
    <font>
      <b/>
      <sz val="11"/>
      <color theme="1"/>
      <name val="Calibri"/>
      <family val="2"/>
      <scheme val="minor"/>
    </font>
    <font>
      <u/>
      <sz val="11"/>
      <color theme="10"/>
      <name val="Calibri"/>
      <family val="2"/>
      <scheme val="minor"/>
    </font>
    <font>
      <i/>
      <sz val="11"/>
      <color theme="1"/>
      <name val="Calibri"/>
      <family val="2"/>
      <scheme val="minor"/>
    </font>
    <font>
      <b/>
      <sz val="11"/>
      <name val="Calibri"/>
      <family val="2"/>
      <scheme val="minor"/>
    </font>
    <font>
      <sz val="11"/>
      <name val="Calibri"/>
      <family val="2"/>
      <scheme val="minor"/>
    </font>
    <font>
      <i/>
      <sz val="11"/>
      <color theme="0" tint="-0.499984740745262"/>
      <name val="Calibri"/>
      <family val="2"/>
      <scheme val="minor"/>
    </font>
    <font>
      <b/>
      <sz val="11"/>
      <color rgb="FF0070C0"/>
      <name val="Calibri"/>
      <family val="2"/>
      <scheme val="minor"/>
    </font>
    <font>
      <i/>
      <sz val="11"/>
      <color rgb="FF0070C0"/>
      <name val="Calibri"/>
      <family val="2"/>
      <scheme val="minor"/>
    </font>
    <font>
      <b/>
      <sz val="11"/>
      <color theme="1"/>
      <name val="Calibri"/>
      <family val="2"/>
    </font>
    <font>
      <b/>
      <sz val="15"/>
      <color theme="1"/>
      <name val="Calibri"/>
      <family val="2"/>
      <scheme val="minor"/>
    </font>
    <font>
      <sz val="13"/>
      <color theme="1"/>
      <name val="Calibri"/>
      <family val="2"/>
      <scheme val="minor"/>
    </font>
  </fonts>
  <fills count="5">
    <fill>
      <patternFill patternType="none"/>
    </fill>
    <fill>
      <patternFill patternType="gray125"/>
    </fill>
    <fill>
      <patternFill patternType="solid">
        <fgColor theme="0" tint="-0.14999847407452621"/>
        <bgColor indexed="64"/>
      </patternFill>
    </fill>
    <fill>
      <patternFill patternType="solid">
        <fgColor theme="0" tint="-4.9989318521683403E-2"/>
        <bgColor indexed="64"/>
      </patternFill>
    </fill>
    <fill>
      <patternFill patternType="solid">
        <fgColor theme="4" tint="0.79998168889431442"/>
        <bgColor indexed="64"/>
      </patternFill>
    </fill>
  </fills>
  <borders count="14">
    <border>
      <left/>
      <right/>
      <top/>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bottom style="thin">
        <color indexed="64"/>
      </bottom>
      <diagonal/>
    </border>
    <border>
      <left style="thin">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top style="medium">
        <color indexed="64"/>
      </top>
      <bottom/>
      <diagonal/>
    </border>
    <border>
      <left style="thin">
        <color indexed="64"/>
      </left>
      <right style="thin">
        <color indexed="64"/>
      </right>
      <top style="medium">
        <color indexed="64"/>
      </top>
      <bottom/>
      <diagonal/>
    </border>
    <border>
      <left style="thin">
        <color indexed="64"/>
      </left>
      <right style="medium">
        <color indexed="64"/>
      </right>
      <top style="medium">
        <color indexed="64"/>
      </top>
      <bottom/>
      <diagonal/>
    </border>
    <border>
      <left style="medium">
        <color indexed="64"/>
      </left>
      <right/>
      <top/>
      <bottom style="mediumDashDotDot">
        <color indexed="64"/>
      </bottom>
      <diagonal/>
    </border>
    <border>
      <left style="thin">
        <color indexed="64"/>
      </left>
      <right style="thin">
        <color indexed="64"/>
      </right>
      <top/>
      <bottom style="mediumDashDotDot">
        <color indexed="64"/>
      </bottom>
      <diagonal/>
    </border>
    <border>
      <left style="thin">
        <color indexed="64"/>
      </left>
      <right style="medium">
        <color indexed="64"/>
      </right>
      <top/>
      <bottom style="mediumDashDotDot">
        <color indexed="64"/>
      </bottom>
      <diagonal/>
    </border>
    <border>
      <left style="thin">
        <color indexed="64"/>
      </left>
      <right/>
      <top style="thin">
        <color indexed="64"/>
      </top>
      <bottom style="medium">
        <color indexed="64"/>
      </bottom>
      <diagonal/>
    </border>
  </borders>
  <cellStyleXfs count="2">
    <xf numFmtId="0" fontId="0" fillId="0" borderId="0"/>
    <xf numFmtId="0" fontId="2" fillId="0" borderId="0" applyNumberFormat="0" applyFill="0" applyBorder="0" applyAlignment="0" applyProtection="0"/>
  </cellStyleXfs>
  <cellXfs count="49">
    <xf numFmtId="0" fontId="0" fillId="0" borderId="0" xfId="0"/>
    <xf numFmtId="0" fontId="1" fillId="0" borderId="0" xfId="0" applyFont="1"/>
    <xf numFmtId="0" fontId="0" fillId="0" borderId="0" xfId="0" applyFont="1"/>
    <xf numFmtId="0" fontId="1" fillId="2" borderId="7" xfId="0" applyFont="1" applyFill="1" applyBorder="1"/>
    <xf numFmtId="0" fontId="1" fillId="2" borderId="8" xfId="0" applyFont="1" applyFill="1" applyBorder="1"/>
    <xf numFmtId="0" fontId="4" fillId="2" borderId="8" xfId="0" applyFont="1" applyFill="1" applyBorder="1"/>
    <xf numFmtId="0" fontId="1" fillId="2" borderId="9" xfId="0" applyFont="1" applyFill="1" applyBorder="1"/>
    <xf numFmtId="0" fontId="6" fillId="2" borderId="5" xfId="0" applyFont="1" applyFill="1" applyBorder="1"/>
    <xf numFmtId="164" fontId="6" fillId="2" borderId="5" xfId="0" applyNumberFormat="1" applyFont="1" applyFill="1" applyBorder="1"/>
    <xf numFmtId="0" fontId="6" fillId="2" borderId="6" xfId="0" applyFont="1" applyFill="1" applyBorder="1"/>
    <xf numFmtId="0" fontId="7" fillId="0" borderId="8" xfId="0" applyFont="1" applyBorder="1"/>
    <xf numFmtId="0" fontId="7" fillId="0" borderId="8" xfId="0" applyFont="1" applyBorder="1" applyAlignment="1">
      <alignment horizontal="left"/>
    </xf>
    <xf numFmtId="49" fontId="7" fillId="0" borderId="8" xfId="0" applyNumberFormat="1" applyFont="1" applyBorder="1"/>
    <xf numFmtId="0" fontId="7" fillId="0" borderId="8" xfId="0" applyFont="1" applyFill="1" applyBorder="1"/>
    <xf numFmtId="0" fontId="0" fillId="2" borderId="1" xfId="0" quotePrefix="1" applyFont="1" applyFill="1" applyBorder="1"/>
    <xf numFmtId="0" fontId="0" fillId="2" borderId="2" xfId="0" quotePrefix="1" applyFont="1" applyFill="1" applyBorder="1"/>
    <xf numFmtId="164" fontId="4" fillId="2" borderId="2" xfId="0" quotePrefix="1" applyNumberFormat="1" applyFont="1" applyFill="1" applyBorder="1"/>
    <xf numFmtId="0" fontId="0" fillId="2" borderId="3" xfId="0" quotePrefix="1" applyFont="1" applyFill="1" applyBorder="1"/>
    <xf numFmtId="0" fontId="6" fillId="3" borderId="5" xfId="0" applyFont="1" applyFill="1" applyBorder="1"/>
    <xf numFmtId="14" fontId="6" fillId="3" borderId="5" xfId="0" applyNumberFormat="1" applyFont="1" applyFill="1" applyBorder="1" applyAlignment="1">
      <alignment horizontal="left"/>
    </xf>
    <xf numFmtId="164" fontId="6" fillId="3" borderId="5" xfId="0" applyNumberFormat="1" applyFont="1" applyFill="1" applyBorder="1"/>
    <xf numFmtId="49" fontId="6" fillId="3" borderId="5" xfId="0" applyNumberFormat="1" applyFont="1" applyFill="1" applyBorder="1"/>
    <xf numFmtId="0" fontId="2" fillId="3" borderId="5" xfId="1" applyFill="1" applyBorder="1"/>
    <xf numFmtId="164" fontId="6" fillId="3" borderId="5" xfId="0" applyNumberFormat="1" applyFont="1" applyFill="1" applyBorder="1" applyAlignment="1">
      <alignment horizontal="right"/>
    </xf>
    <xf numFmtId="0" fontId="6" fillId="3" borderId="5" xfId="0" applyFont="1" applyFill="1" applyBorder="1" applyAlignment="1">
      <alignment horizontal="left"/>
    </xf>
    <xf numFmtId="0" fontId="3" fillId="0" borderId="0" xfId="0" applyFont="1"/>
    <xf numFmtId="0" fontId="0" fillId="2" borderId="2" xfId="0" quotePrefix="1" applyFont="1" applyFill="1" applyBorder="1" applyAlignment="1">
      <alignment horizontal="right"/>
    </xf>
    <xf numFmtId="0" fontId="1" fillId="0" borderId="0" xfId="0" applyFont="1" applyAlignment="1">
      <alignment vertical="center"/>
    </xf>
    <xf numFmtId="0" fontId="10" fillId="0" borderId="0" xfId="0" applyFont="1"/>
    <xf numFmtId="0" fontId="6" fillId="2" borderId="4" xfId="0" applyFont="1" applyFill="1" applyBorder="1"/>
    <xf numFmtId="0" fontId="1" fillId="2" borderId="10" xfId="0" applyFont="1" applyFill="1" applyBorder="1" applyAlignment="1">
      <alignment vertical="center"/>
    </xf>
    <xf numFmtId="0" fontId="1" fillId="2" borderId="11" xfId="0" applyFont="1" applyFill="1" applyBorder="1" applyAlignment="1">
      <alignment vertical="center"/>
    </xf>
    <xf numFmtId="0" fontId="7" fillId="0" borderId="11" xfId="0" applyFont="1" applyBorder="1" applyAlignment="1">
      <alignment vertical="center"/>
    </xf>
    <xf numFmtId="0" fontId="8" fillId="0" borderId="11" xfId="0" applyFont="1" applyBorder="1" applyAlignment="1">
      <alignment vertical="center"/>
    </xf>
    <xf numFmtId="0" fontId="7" fillId="0" borderId="11" xfId="0" applyFont="1" applyBorder="1" applyAlignment="1">
      <alignment horizontal="left" vertical="center"/>
    </xf>
    <xf numFmtId="0" fontId="1" fillId="0" borderId="11" xfId="0" applyFont="1" applyFill="1" applyBorder="1" applyAlignment="1">
      <alignment vertical="center"/>
    </xf>
    <xf numFmtId="49" fontId="7" fillId="0" borderId="11" xfId="0" applyNumberFormat="1" applyFont="1" applyBorder="1" applyAlignment="1">
      <alignment vertical="center"/>
    </xf>
    <xf numFmtId="0" fontId="7" fillId="0" borderId="11" xfId="0" applyFont="1" applyFill="1" applyBorder="1" applyAlignment="1">
      <alignment vertical="center"/>
    </xf>
    <xf numFmtId="0" fontId="8" fillId="0" borderId="11" xfId="0" applyFont="1" applyFill="1" applyBorder="1" applyAlignment="1">
      <alignment vertical="center"/>
    </xf>
    <xf numFmtId="0" fontId="4" fillId="2" borderId="11" xfId="0" applyFont="1" applyFill="1" applyBorder="1" applyAlignment="1">
      <alignment vertical="center"/>
    </xf>
    <xf numFmtId="0" fontId="1" fillId="2" borderId="12" xfId="0" applyFont="1" applyFill="1" applyBorder="1" applyAlignment="1">
      <alignment vertical="center"/>
    </xf>
    <xf numFmtId="0" fontId="5" fillId="4" borderId="2" xfId="0" applyFont="1" applyFill="1" applyBorder="1"/>
    <xf numFmtId="0" fontId="5" fillId="4" borderId="2" xfId="0" quotePrefix="1" applyFont="1" applyFill="1" applyBorder="1"/>
    <xf numFmtId="0" fontId="5" fillId="4" borderId="2" xfId="0" applyFont="1" applyFill="1" applyBorder="1" applyAlignment="1">
      <alignment horizontal="left"/>
    </xf>
    <xf numFmtId="49" fontId="5" fillId="4" borderId="2" xfId="0" applyNumberFormat="1" applyFont="1" applyFill="1" applyBorder="1" applyAlignment="1">
      <alignment horizontal="left"/>
    </xf>
    <xf numFmtId="164" fontId="5" fillId="4" borderId="2" xfId="0" applyNumberFormat="1" applyFont="1" applyFill="1" applyBorder="1" applyAlignment="1">
      <alignment horizontal="right"/>
    </xf>
    <xf numFmtId="0" fontId="5" fillId="4" borderId="13" xfId="0" applyFont="1" applyFill="1" applyBorder="1"/>
    <xf numFmtId="164" fontId="5" fillId="4" borderId="2" xfId="0" applyNumberFormat="1" applyFont="1" applyFill="1" applyBorder="1" applyAlignment="1">
      <alignment horizontal="left"/>
    </xf>
    <xf numFmtId="164" fontId="5" fillId="4" borderId="2" xfId="0" applyNumberFormat="1" applyFont="1" applyFill="1" applyBorder="1"/>
  </cellXfs>
  <cellStyles count="2">
    <cellStyle name="Hyperlink" xfId="1" builtinId="8"/>
    <cellStyle name="Standaard"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3" Type="http://schemas.openxmlformats.org/officeDocument/2006/relationships/theme" Target="theme/theme1.xml"/><Relationship Id="rId7" Type="http://schemas.openxmlformats.org/officeDocument/2006/relationships/customXml" Target="../customXml/item2.xml"/><Relationship Id="rId2" Type="http://schemas.openxmlformats.org/officeDocument/2006/relationships/externalLink" Target="externalLinks/externalLink1.xml"/><Relationship Id="rId1" Type="http://schemas.openxmlformats.org/officeDocument/2006/relationships/worksheet" Target="worksheets/sheet1.xml"/><Relationship Id="rId6" Type="http://schemas.openxmlformats.org/officeDocument/2006/relationships/customXml" Target="../customXml/item1.xml"/><Relationship Id="rId5" Type="http://schemas.openxmlformats.org/officeDocument/2006/relationships/sharedStrings" Target="sharedStrings.xml"/><Relationship Id="rId4" Type="http://schemas.openxmlformats.org/officeDocument/2006/relationships/styles" Target="styles.xml"/></Relationships>
</file>

<file path=xl/externalLinks/_rels/externalLink1.xml.rels><?xml version="1.0" encoding="UTF-8" standalone="yes"?>
<Relationships xmlns="http://schemas.openxmlformats.org/package/2006/relationships"><Relationship Id="rId1" Type="http://schemas.openxmlformats.org/officeDocument/2006/relationships/externalLinkPath" Target="Cursisten%20inlees%20bestand%20Aanmeldmodule%20-%20Verstuurd%2014-10.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mc:Ignorable="x14">
  <externalBook xmlns:r="http://schemas.openxmlformats.org/officeDocument/2006/relationships" r:id="rId1">
    <sheetNames>
      <sheetName val="Inlezen contractanten format"/>
      <sheetName val="Sheet1"/>
      <sheetName val="Blad2"/>
    </sheetNames>
    <sheetDataSet>
      <sheetData sheetId="0"/>
      <sheetData sheetId="1">
        <row r="2">
          <cell r="A2" t="str">
            <v>ACCNT PDO</v>
          </cell>
          <cell r="D2" t="str">
            <v>V</v>
          </cell>
        </row>
        <row r="3">
          <cell r="A3" t="str">
            <v>ACCOUNT</v>
          </cell>
          <cell r="D3" t="str">
            <v>D</v>
          </cell>
        </row>
        <row r="4">
          <cell r="A4" t="str">
            <v>ACCOUNT1EF</v>
          </cell>
        </row>
        <row r="5">
          <cell r="A5" t="str">
            <v>ACW</v>
          </cell>
        </row>
        <row r="6">
          <cell r="A6" t="str">
            <v>APPLICATIE</v>
          </cell>
        </row>
        <row r="7">
          <cell r="A7" t="str">
            <v>ARTS</v>
          </cell>
        </row>
        <row r="8">
          <cell r="A8" t="str">
            <v>ARTS 1E F</v>
          </cell>
        </row>
        <row r="9">
          <cell r="A9" t="str">
            <v>ARTS VG IO</v>
          </cell>
        </row>
        <row r="10">
          <cell r="A10" t="str">
            <v>BEDR W</v>
          </cell>
        </row>
        <row r="11">
          <cell r="A11" t="str">
            <v>BEDR W DIV</v>
          </cell>
        </row>
        <row r="12">
          <cell r="A12" t="str">
            <v>BEL PFBH</v>
          </cell>
        </row>
        <row r="13">
          <cell r="A13" t="str">
            <v>BESTKND-AO</v>
          </cell>
        </row>
        <row r="14">
          <cell r="A14" t="str">
            <v>BESTUURSK</v>
          </cell>
        </row>
        <row r="15">
          <cell r="A15" t="str">
            <v>BI</v>
          </cell>
        </row>
        <row r="16">
          <cell r="A16" t="str">
            <v>BMGEXT</v>
          </cell>
        </row>
        <row r="17">
          <cell r="A17" t="str">
            <v>BOFEB</v>
          </cell>
        </row>
        <row r="18">
          <cell r="A18" t="str">
            <v>B.O. F/E M</v>
          </cell>
        </row>
        <row r="19">
          <cell r="A19" t="str">
            <v>BO RECHTSB</v>
          </cell>
        </row>
        <row r="20">
          <cell r="A20" t="str">
            <v>BVEA-ISS</v>
          </cell>
        </row>
        <row r="21">
          <cell r="A21" t="str">
            <v>CAT-CHIR</v>
          </cell>
        </row>
        <row r="22">
          <cell r="A22" t="str">
            <v>COLLEGEGELDVRIJ</v>
          </cell>
        </row>
        <row r="23">
          <cell r="A23" t="str">
            <v>CON CEMBA</v>
          </cell>
        </row>
        <row r="24">
          <cell r="A24" t="str">
            <v>CONTROLLER</v>
          </cell>
        </row>
        <row r="25">
          <cell r="A25" t="str">
            <v>CPECI</v>
          </cell>
        </row>
        <row r="26">
          <cell r="A26" t="str">
            <v>CPERAI</v>
          </cell>
        </row>
        <row r="27">
          <cell r="A27" t="str">
            <v>CPV</v>
          </cell>
        </row>
        <row r="28">
          <cell r="A28" t="str">
            <v>CRIMI</v>
          </cell>
        </row>
        <row r="29">
          <cell r="A29" t="str">
            <v>CSRMCSRA</v>
          </cell>
        </row>
        <row r="30">
          <cell r="A30" t="str">
            <v>CUECENT</v>
          </cell>
        </row>
        <row r="31">
          <cell r="A31" t="str">
            <v>CYS-ISS</v>
          </cell>
        </row>
        <row r="32">
          <cell r="A32" t="str">
            <v>DD-G-EN-D</v>
          </cell>
        </row>
        <row r="33">
          <cell r="A33" t="str">
            <v>DEF.CONTR.</v>
          </cell>
        </row>
        <row r="34">
          <cell r="A34" t="str">
            <v>DEGREE PR</v>
          </cell>
        </row>
        <row r="35">
          <cell r="A35" t="str">
            <v>DEVSTUD</v>
          </cell>
        </row>
        <row r="36">
          <cell r="A36" t="str">
            <v>DSC CLINIC EPID</v>
          </cell>
        </row>
        <row r="37">
          <cell r="A37" t="str">
            <v>DSC EPID</v>
          </cell>
        </row>
        <row r="38">
          <cell r="A38" t="str">
            <v>DSC GEN EPID</v>
          </cell>
        </row>
        <row r="39">
          <cell r="A39" t="str">
            <v>DSC PUB HEALTH</v>
          </cell>
        </row>
        <row r="40">
          <cell r="A40" t="str">
            <v>DT EMIF</v>
          </cell>
        </row>
        <row r="41">
          <cell r="A41" t="str">
            <v>DT MA HURE</v>
          </cell>
        </row>
        <row r="42">
          <cell r="A42" t="str">
            <v>EAEME PROG</v>
          </cell>
        </row>
        <row r="43">
          <cell r="A43" t="str">
            <v>ECBESA</v>
          </cell>
        </row>
        <row r="44">
          <cell r="A44" t="str">
            <v>E_COMMERCE</v>
          </cell>
        </row>
        <row r="45">
          <cell r="A45" t="str">
            <v>ECON-DIV</v>
          </cell>
        </row>
        <row r="46">
          <cell r="A46" t="str">
            <v>ECONOMETRICS</v>
          </cell>
        </row>
        <row r="47">
          <cell r="A47" t="str">
            <v>ECONOMETRICS-S</v>
          </cell>
        </row>
        <row r="48">
          <cell r="A48" t="str">
            <v>ECONOMICS &amp; BUS</v>
          </cell>
        </row>
        <row r="49">
          <cell r="A49" t="str">
            <v>ECONOMIE</v>
          </cell>
        </row>
        <row r="50">
          <cell r="A50" t="str">
            <v>ECONOMIE-S</v>
          </cell>
        </row>
        <row r="51">
          <cell r="A51" t="str">
            <v>ECSOC</v>
          </cell>
        </row>
        <row r="52">
          <cell r="A52" t="str">
            <v>ECTRIE</v>
          </cell>
        </row>
        <row r="53">
          <cell r="A53" t="str">
            <v>ECTRIE-S</v>
          </cell>
        </row>
        <row r="54">
          <cell r="A54" t="str">
            <v>EDLE</v>
          </cell>
        </row>
        <row r="55">
          <cell r="A55" t="str">
            <v>EDP ACCOUN</v>
          </cell>
        </row>
        <row r="56">
          <cell r="A56" t="str">
            <v>EDP AUDIT</v>
          </cell>
        </row>
        <row r="57">
          <cell r="A57" t="str">
            <v>EDP/IT AUD</v>
          </cell>
        </row>
        <row r="58">
          <cell r="A58" t="str">
            <v>EF MA BOPV</v>
          </cell>
        </row>
        <row r="59">
          <cell r="A59" t="str">
            <v>EF MA EBA</v>
          </cell>
        </row>
        <row r="60">
          <cell r="A60" t="str">
            <v>EL EUR. RE</v>
          </cell>
        </row>
        <row r="61">
          <cell r="A61" t="str">
            <v>ELLM LMIT</v>
          </cell>
        </row>
        <row r="62">
          <cell r="A62" t="str">
            <v>ELLMP BCML</v>
          </cell>
        </row>
        <row r="63">
          <cell r="A63" t="str">
            <v>ELLMP B&amp;TL</v>
          </cell>
        </row>
        <row r="64">
          <cell r="A64" t="str">
            <v>ELLM PCLE</v>
          </cell>
        </row>
        <row r="65">
          <cell r="A65" t="str">
            <v>ELLMP PIL</v>
          </cell>
        </row>
        <row r="66">
          <cell r="A66" t="str">
            <v>ELLM TCLE</v>
          </cell>
        </row>
        <row r="67">
          <cell r="A67" t="str">
            <v>EMA LAW&amp;EC</v>
          </cell>
        </row>
        <row r="68">
          <cell r="A68" t="str">
            <v>EMBA</v>
          </cell>
        </row>
        <row r="69">
          <cell r="A69" t="str">
            <v>EMCEXT</v>
          </cell>
        </row>
        <row r="70">
          <cell r="A70" t="str">
            <v>EMIHRESEA</v>
          </cell>
        </row>
        <row r="71">
          <cell r="A71" t="str">
            <v>EN RIS PME</v>
          </cell>
        </row>
        <row r="72">
          <cell r="A72" t="str">
            <v>ERASMUS</v>
          </cell>
        </row>
        <row r="73">
          <cell r="A73" t="str">
            <v>ERASMUS ACADEM</v>
          </cell>
        </row>
        <row r="74">
          <cell r="A74" t="str">
            <v>ERIM M PHIB</v>
          </cell>
        </row>
        <row r="75">
          <cell r="A75" t="str">
            <v>ERIM NON-DEGREE</v>
          </cell>
        </row>
        <row r="76">
          <cell r="A76" t="str">
            <v>EUC</v>
          </cell>
        </row>
        <row r="77">
          <cell r="A77" t="str">
            <v>EUR FDB</v>
          </cell>
        </row>
        <row r="78">
          <cell r="A78" t="str">
            <v>EUR FDW</v>
          </cell>
        </row>
        <row r="79">
          <cell r="A79" t="str">
            <v>EUR FEW</v>
          </cell>
        </row>
        <row r="80">
          <cell r="A80" t="str">
            <v>EUR FGG</v>
          </cell>
        </row>
        <row r="81">
          <cell r="A81" t="str">
            <v>EUR.FISC.S</v>
          </cell>
        </row>
        <row r="82">
          <cell r="A82" t="str">
            <v>EUR FRG</v>
          </cell>
        </row>
        <row r="83">
          <cell r="A83" t="str">
            <v>EUR FSW</v>
          </cell>
        </row>
        <row r="84">
          <cell r="A84" t="str">
            <v>EUR HKW</v>
          </cell>
        </row>
        <row r="85">
          <cell r="A85" t="str">
            <v>EXAMENDEEL</v>
          </cell>
        </row>
        <row r="86">
          <cell r="A86" t="str">
            <v>EXCHANGE G</v>
          </cell>
        </row>
        <row r="87">
          <cell r="A87" t="str">
            <v>EXT VESL.</v>
          </cell>
        </row>
        <row r="88">
          <cell r="A88" t="str">
            <v>FBKEXT</v>
          </cell>
        </row>
        <row r="89">
          <cell r="A89" t="str">
            <v>FEWEXT</v>
          </cell>
        </row>
        <row r="90">
          <cell r="A90" t="str">
            <v>FFD</v>
          </cell>
        </row>
        <row r="91">
          <cell r="A91" t="str">
            <v>FGGEXT</v>
          </cell>
        </row>
        <row r="92">
          <cell r="A92" t="str">
            <v>FHKEXT</v>
          </cell>
        </row>
        <row r="93">
          <cell r="A93" t="str">
            <v>FHKW-DIV</v>
          </cell>
        </row>
        <row r="94">
          <cell r="A94" t="str">
            <v>FI</v>
          </cell>
        </row>
        <row r="95">
          <cell r="A95" t="str">
            <v>FILO RESE</v>
          </cell>
        </row>
        <row r="96">
          <cell r="A96" t="str">
            <v>FILOSOFIE</v>
          </cell>
        </row>
        <row r="97">
          <cell r="A97" t="str">
            <v>FILO WET</v>
          </cell>
        </row>
        <row r="98">
          <cell r="A98" t="str">
            <v>FINCORCOMP</v>
          </cell>
        </row>
        <row r="99">
          <cell r="A99" t="str">
            <v>FINRISKMANWOCO</v>
          </cell>
        </row>
        <row r="100">
          <cell r="A100" t="str">
            <v>FISC-ECON</v>
          </cell>
        </row>
        <row r="101">
          <cell r="A101" t="str">
            <v>FISC-ECON-S</v>
          </cell>
        </row>
        <row r="102">
          <cell r="A102" t="str">
            <v>FISC RECHT</v>
          </cell>
        </row>
        <row r="103">
          <cell r="A103" t="str">
            <v>FOR. AUD.</v>
          </cell>
        </row>
        <row r="104">
          <cell r="A104" t="str">
            <v>FOR. AUDIT</v>
          </cell>
        </row>
        <row r="105">
          <cell r="A105" t="str">
            <v>FOUNDSG</v>
          </cell>
        </row>
        <row r="106">
          <cell r="A106" t="str">
            <v>FREE MOVER</v>
          </cell>
        </row>
        <row r="107">
          <cell r="A107" t="str">
            <v>FRGEXT</v>
          </cell>
        </row>
        <row r="108">
          <cell r="A108" t="str">
            <v>FSWEXT</v>
          </cell>
        </row>
        <row r="109">
          <cell r="A109" t="str">
            <v>FWEXT</v>
          </cell>
        </row>
        <row r="110">
          <cell r="A110" t="str">
            <v>GENEESKDIV</v>
          </cell>
        </row>
        <row r="111">
          <cell r="A111" t="str">
            <v>GENEESK M</v>
          </cell>
        </row>
        <row r="112">
          <cell r="A112" t="str">
            <v>GENEESKND</v>
          </cell>
        </row>
        <row r="113">
          <cell r="A113" t="str">
            <v>GENERAL MA</v>
          </cell>
        </row>
        <row r="114">
          <cell r="A114" t="str">
            <v>GL E-COM</v>
          </cell>
        </row>
        <row r="115">
          <cell r="A115" t="str">
            <v>GLOB E COM</v>
          </cell>
        </row>
        <row r="116">
          <cell r="A116" t="str">
            <v>GM</v>
          </cell>
        </row>
        <row r="117">
          <cell r="A117" t="str">
            <v>GOV-ISS</v>
          </cell>
        </row>
        <row r="118">
          <cell r="A118" t="str">
            <v>GS</v>
          </cell>
        </row>
        <row r="119">
          <cell r="A119" t="str">
            <v>GS-LERAAR</v>
          </cell>
        </row>
        <row r="120">
          <cell r="A120" t="str">
            <v>GWAS</v>
          </cell>
        </row>
        <row r="121">
          <cell r="A121" t="str">
            <v>GWBA-GW</v>
          </cell>
        </row>
        <row r="122">
          <cell r="A122" t="str">
            <v>GW-DIVERS</v>
          </cell>
        </row>
        <row r="123">
          <cell r="A123" t="str">
            <v>GWPD-MHIM</v>
          </cell>
        </row>
        <row r="124">
          <cell r="A124" t="str">
            <v>GWPD-MPH</v>
          </cell>
        </row>
        <row r="125">
          <cell r="A125" t="str">
            <v>GWPD-NIHES</v>
          </cell>
        </row>
        <row r="126">
          <cell r="A126" t="str">
            <v>HERINTR_AC</v>
          </cell>
        </row>
        <row r="127">
          <cell r="A127" t="str">
            <v>HOFSTRA SU</v>
          </cell>
        </row>
        <row r="128">
          <cell r="A128" t="str">
            <v>HOSP MAN</v>
          </cell>
        </row>
        <row r="129">
          <cell r="A129" t="str">
            <v>HOVO</v>
          </cell>
        </row>
        <row r="130">
          <cell r="A130" t="str">
            <v>HOVO ZOAC</v>
          </cell>
        </row>
        <row r="131">
          <cell r="A131" t="str">
            <v>HUISARTS O</v>
          </cell>
        </row>
        <row r="132">
          <cell r="A132" t="str">
            <v>HULL</v>
          </cell>
        </row>
        <row r="133">
          <cell r="A133" t="str">
            <v>IAZ-AOA</v>
          </cell>
        </row>
        <row r="134">
          <cell r="A134" t="str">
            <v>IAZ-AOA-EHH</v>
          </cell>
        </row>
        <row r="135">
          <cell r="A135" t="str">
            <v>IAZ-AOA-S</v>
          </cell>
        </row>
        <row r="136">
          <cell r="A136" t="str">
            <v>IAZ-BC</v>
          </cell>
        </row>
        <row r="137">
          <cell r="A137" t="str">
            <v>IAZ-BIAZ</v>
          </cell>
        </row>
        <row r="138">
          <cell r="A138" t="str">
            <v>IAZ-BSIAZ</v>
          </cell>
        </row>
        <row r="139">
          <cell r="A139" t="str">
            <v>IAZ-CU</v>
          </cell>
        </row>
        <row r="140">
          <cell r="A140" t="str">
            <v>IAZ HCNEURO</v>
          </cell>
        </row>
        <row r="141">
          <cell r="A141" t="str">
            <v>IAZ-HCV-TIV</v>
          </cell>
        </row>
        <row r="142">
          <cell r="A142" t="str">
            <v>IAZ-ICL-MW</v>
          </cell>
        </row>
        <row r="143">
          <cell r="A143" t="str">
            <v>IAZ-ICL-VP</v>
          </cell>
        </row>
        <row r="144">
          <cell r="A144" t="str">
            <v>IAZ-KL-ELECT</v>
          </cell>
        </row>
        <row r="145">
          <cell r="A145" t="str">
            <v>IAZ-MC</v>
          </cell>
        </row>
        <row r="146">
          <cell r="A146" t="str">
            <v>IAZ-RP</v>
          </cell>
        </row>
        <row r="147">
          <cell r="A147" t="str">
            <v>IBACS</v>
          </cell>
        </row>
        <row r="148">
          <cell r="A148" t="str">
            <v>IBCOM</v>
          </cell>
        </row>
        <row r="149">
          <cell r="A149" t="str">
            <v>IBEB</v>
          </cell>
        </row>
        <row r="150">
          <cell r="A150" t="str">
            <v>IBEB-S</v>
          </cell>
        </row>
        <row r="151">
          <cell r="A151" t="str">
            <v>IBH</v>
          </cell>
        </row>
        <row r="152">
          <cell r="A152" t="str">
            <v>IDM</v>
          </cell>
        </row>
        <row r="153">
          <cell r="A153" t="str">
            <v>IHAPE</v>
          </cell>
        </row>
        <row r="154">
          <cell r="A154" t="str">
            <v>IHSCUR</v>
          </cell>
        </row>
        <row r="155">
          <cell r="A155" t="str">
            <v>IHSSUD</v>
          </cell>
        </row>
        <row r="156">
          <cell r="A156" t="str">
            <v>IHSUMDT</v>
          </cell>
        </row>
        <row r="157">
          <cell r="A157" t="str">
            <v>IN BUS ADM</v>
          </cell>
        </row>
        <row r="158">
          <cell r="A158" t="str">
            <v>INFECO</v>
          </cell>
        </row>
        <row r="159">
          <cell r="A159" t="str">
            <v>INFECO-S</v>
          </cell>
        </row>
        <row r="160">
          <cell r="A160" t="str">
            <v>INFO 97-98</v>
          </cell>
        </row>
        <row r="161">
          <cell r="A161" t="str">
            <v>INFO FISCA</v>
          </cell>
        </row>
        <row r="162">
          <cell r="A162" t="str">
            <v>INFO NAJAA</v>
          </cell>
        </row>
        <row r="163">
          <cell r="A163" t="str">
            <v>INFO TOTAA</v>
          </cell>
        </row>
        <row r="164">
          <cell r="A164" t="str">
            <v>INFO VOORJ</v>
          </cell>
        </row>
        <row r="165">
          <cell r="A165" t="str">
            <v>INT_EX_CEM</v>
          </cell>
        </row>
        <row r="166">
          <cell r="A166" t="str">
            <v>INT M PSYCH</v>
          </cell>
        </row>
        <row r="167">
          <cell r="A167" t="str">
            <v>INT/OP AUD</v>
          </cell>
        </row>
        <row r="168">
          <cell r="A168" t="str">
            <v>INT PEA</v>
          </cell>
        </row>
        <row r="169">
          <cell r="A169" t="str">
            <v>INT PSYCH</v>
          </cell>
        </row>
        <row r="170">
          <cell r="A170" t="str">
            <v>ISS-MPA</v>
          </cell>
        </row>
        <row r="171">
          <cell r="A171" t="str">
            <v>ISS-RAAB</v>
          </cell>
        </row>
        <row r="172">
          <cell r="A172" t="str">
            <v>ISS-V-NL-MA-DE</v>
          </cell>
        </row>
        <row r="173">
          <cell r="A173" t="str">
            <v>ISP</v>
          </cell>
        </row>
        <row r="174">
          <cell r="A174" t="str">
            <v>IZAZ-CCV</v>
          </cell>
        </row>
        <row r="175">
          <cell r="A175" t="str">
            <v>IZAZ-HCK</v>
          </cell>
        </row>
        <row r="176">
          <cell r="A176" t="str">
            <v>IZAZ-HCN</v>
          </cell>
        </row>
        <row r="177">
          <cell r="A177" t="str">
            <v>IZAZ-HCN&amp;OB</v>
          </cell>
        </row>
        <row r="178">
          <cell r="A178" t="str">
            <v>IZAZ-HCV</v>
          </cell>
        </row>
        <row r="179">
          <cell r="A179" t="str">
            <v>IZAZ-ICK</v>
          </cell>
        </row>
        <row r="180">
          <cell r="A180" t="str">
            <v>IZAZ-ICN</v>
          </cell>
        </row>
        <row r="181">
          <cell r="A181" t="str">
            <v>IZAZ-ICN/ICK</v>
          </cell>
        </row>
        <row r="182">
          <cell r="A182" t="str">
            <v>IZAZ-ICV</v>
          </cell>
        </row>
        <row r="183">
          <cell r="A183" t="str">
            <v>IZAZ-NEO</v>
          </cell>
        </row>
        <row r="184">
          <cell r="A184" t="str">
            <v>IZAZ-SEH</v>
          </cell>
        </row>
        <row r="185">
          <cell r="A185" t="str">
            <v>IZ-CM</v>
          </cell>
        </row>
        <row r="186">
          <cell r="A186" t="str">
            <v>IZ-EV</v>
          </cell>
        </row>
        <row r="187">
          <cell r="A187" t="str">
            <v>IZ-G</v>
          </cell>
        </row>
        <row r="188">
          <cell r="A188" t="str">
            <v>IZ-GV</v>
          </cell>
        </row>
        <row r="189">
          <cell r="A189" t="str">
            <v>IZ-HCO</v>
          </cell>
        </row>
        <row r="190">
          <cell r="A190" t="str">
            <v>IZ-HCO&amp;N</v>
          </cell>
        </row>
        <row r="191">
          <cell r="A191" t="str">
            <v>IZ-HO</v>
          </cell>
        </row>
        <row r="192">
          <cell r="A192" t="str">
            <v>IZ-K</v>
          </cell>
        </row>
        <row r="193">
          <cell r="A193" t="str">
            <v>IZ-KO</v>
          </cell>
        </row>
        <row r="194">
          <cell r="A194" t="str">
            <v>IZ-M</v>
          </cell>
        </row>
        <row r="195">
          <cell r="A195" t="str">
            <v>IZ-O</v>
          </cell>
        </row>
        <row r="196">
          <cell r="A196" t="str">
            <v>IZ-OB</v>
          </cell>
        </row>
        <row r="197">
          <cell r="A197" t="str">
            <v>IZ-OG</v>
          </cell>
        </row>
        <row r="198">
          <cell r="A198" t="str">
            <v>IZ-P</v>
          </cell>
        </row>
        <row r="199">
          <cell r="A199" t="str">
            <v>IZ-PC</v>
          </cell>
        </row>
        <row r="200">
          <cell r="A200" t="str">
            <v>IZ-VOC</v>
          </cell>
        </row>
        <row r="201">
          <cell r="A201" t="str">
            <v>IZ-WC</v>
          </cell>
        </row>
        <row r="202">
          <cell r="A202" t="str">
            <v>IZ-WV</v>
          </cell>
        </row>
        <row r="203">
          <cell r="A203" t="str">
            <v>JAPANKUNDE</v>
          </cell>
        </row>
        <row r="204">
          <cell r="A204" t="str">
            <v>JUR PAO</v>
          </cell>
        </row>
        <row r="205">
          <cell r="A205" t="str">
            <v>KLINTECH</v>
          </cell>
        </row>
        <row r="206">
          <cell r="A206" t="str">
            <v>LAW EC</v>
          </cell>
        </row>
        <row r="207">
          <cell r="A207" t="str">
            <v>LEERG. Z/M</v>
          </cell>
        </row>
        <row r="208">
          <cell r="A208" t="str">
            <v>LG EUR RE</v>
          </cell>
        </row>
        <row r="209">
          <cell r="A209" t="str">
            <v>LO-ECONAE</v>
          </cell>
        </row>
        <row r="210">
          <cell r="A210" t="str">
            <v>LO-ECONBE</v>
          </cell>
        </row>
        <row r="211">
          <cell r="A211" t="str">
            <v>LPPP</v>
          </cell>
        </row>
        <row r="212">
          <cell r="A212" t="str">
            <v>MAANVE</v>
          </cell>
        </row>
        <row r="213">
          <cell r="A213" t="str">
            <v>MA BA</v>
          </cell>
        </row>
        <row r="214">
          <cell r="A214" t="str">
            <v>MA BA PT</v>
          </cell>
        </row>
        <row r="215">
          <cell r="A215" t="str">
            <v>MA BELEIDS</v>
          </cell>
        </row>
        <row r="216">
          <cell r="A216" t="str">
            <v>M ACC</v>
          </cell>
        </row>
        <row r="217">
          <cell r="A217" t="str">
            <v>MA-CC</v>
          </cell>
        </row>
        <row r="218">
          <cell r="A218" t="str">
            <v>MA CITY DE</v>
          </cell>
        </row>
        <row r="219">
          <cell r="A219" t="str">
            <v>MACL MRGV</v>
          </cell>
        </row>
        <row r="220">
          <cell r="A220" t="str">
            <v>MACL MVV</v>
          </cell>
        </row>
        <row r="221">
          <cell r="A221" t="str">
            <v>MACL SRMAC</v>
          </cell>
        </row>
        <row r="222">
          <cell r="A222" t="str">
            <v>MA COMMLAW</v>
          </cell>
        </row>
        <row r="223">
          <cell r="A223" t="str">
            <v>MA-DWC</v>
          </cell>
        </row>
        <row r="224">
          <cell r="A224" t="str">
            <v>MA-DWV</v>
          </cell>
        </row>
        <row r="225">
          <cell r="A225" t="str">
            <v>MA FINPLAN</v>
          </cell>
        </row>
        <row r="226">
          <cell r="A226" t="str">
            <v>MA FISC RECHT</v>
          </cell>
        </row>
        <row r="227">
          <cell r="A227" t="str">
            <v>MAGES</v>
          </cell>
        </row>
        <row r="228">
          <cell r="A228" t="str">
            <v>MA HBA</v>
          </cell>
        </row>
        <row r="229">
          <cell r="A229" t="str">
            <v>MA HRD LEA</v>
          </cell>
        </row>
        <row r="230">
          <cell r="A230" t="str">
            <v>MA IBA</v>
          </cell>
        </row>
        <row r="231">
          <cell r="A231" t="str">
            <v>MA I E PUBLAW</v>
          </cell>
        </row>
        <row r="232">
          <cell r="A232" t="str">
            <v>MA JUSTICE S&amp;S</v>
          </cell>
        </row>
        <row r="233">
          <cell r="A233" t="str">
            <v>MA KCW</v>
          </cell>
        </row>
        <row r="234">
          <cell r="A234" t="str">
            <v>MA-LOG</v>
          </cell>
        </row>
        <row r="235">
          <cell r="A235" t="str">
            <v>MA MANEURM</v>
          </cell>
        </row>
        <row r="236">
          <cell r="A236" t="str">
            <v>MA MC</v>
          </cell>
        </row>
        <row r="237">
          <cell r="A237" t="str">
            <v>MA MEDIA</v>
          </cell>
        </row>
        <row r="238">
          <cell r="A238" t="str">
            <v>MA MG</v>
          </cell>
        </row>
        <row r="239">
          <cell r="A239" t="str">
            <v>MAN CONS</v>
          </cell>
        </row>
        <row r="240">
          <cell r="A240" t="str">
            <v>MA-OAD</v>
          </cell>
        </row>
        <row r="241">
          <cell r="A241" t="str">
            <v>MA-OAM</v>
          </cell>
        </row>
        <row r="242">
          <cell r="A242" t="str">
            <v>MA-OEV</v>
          </cell>
        </row>
        <row r="243">
          <cell r="A243" t="str">
            <v>MA-OOA</v>
          </cell>
        </row>
        <row r="244">
          <cell r="A244" t="str">
            <v>MA-PC</v>
          </cell>
        </row>
        <row r="245">
          <cell r="A245" t="str">
            <v>MARBE</v>
          </cell>
        </row>
        <row r="246">
          <cell r="A246" t="str">
            <v>MA-SPS</v>
          </cell>
        </row>
        <row r="247">
          <cell r="A247" t="str">
            <v>MASTER M&amp;B</v>
          </cell>
        </row>
        <row r="248">
          <cell r="A248" t="str">
            <v>MA URBMAN</v>
          </cell>
        </row>
        <row r="249">
          <cell r="A249" t="str">
            <v>MBA 701</v>
          </cell>
        </row>
        <row r="250">
          <cell r="A250" t="str">
            <v>MBA 91</v>
          </cell>
        </row>
        <row r="251">
          <cell r="A251" t="str">
            <v>MBA EC 704</v>
          </cell>
        </row>
        <row r="252">
          <cell r="A252" t="str">
            <v>MBA_EXCH</v>
          </cell>
        </row>
        <row r="253">
          <cell r="A253" t="str">
            <v>MBA FT 709</v>
          </cell>
        </row>
        <row r="254">
          <cell r="A254" t="str">
            <v>MBA_PART-T</v>
          </cell>
        </row>
        <row r="255">
          <cell r="A255" t="str">
            <v>MBA PT 706</v>
          </cell>
        </row>
        <row r="256">
          <cell r="A256" t="str">
            <v>MBA SCHLUM</v>
          </cell>
        </row>
        <row r="257">
          <cell r="A257" t="str">
            <v>M BEDRRECH</v>
          </cell>
        </row>
        <row r="258">
          <cell r="A258" t="str">
            <v>MBI 702</v>
          </cell>
        </row>
        <row r="259">
          <cell r="A259" t="str">
            <v>MBI EX 703</v>
          </cell>
        </row>
        <row r="260">
          <cell r="A260" t="str">
            <v>MBI_EXCH</v>
          </cell>
        </row>
        <row r="261">
          <cell r="A261" t="str">
            <v>MBI_EXEC</v>
          </cell>
        </row>
        <row r="262">
          <cell r="A262" t="str">
            <v>MBI PART-T</v>
          </cell>
        </row>
        <row r="263">
          <cell r="A263" t="str">
            <v>MBI PT 707</v>
          </cell>
        </row>
        <row r="264">
          <cell r="A264" t="str">
            <v>MB-RDL</v>
          </cell>
        </row>
        <row r="265">
          <cell r="A265" t="str">
            <v>MB-RTL</v>
          </cell>
        </row>
        <row r="266">
          <cell r="A266" t="str">
            <v>MBUINMA</v>
          </cell>
        </row>
        <row r="267">
          <cell r="A267" t="str">
            <v>MCEB</v>
          </cell>
        </row>
        <row r="268">
          <cell r="A268" t="str">
            <v>M CLINIC EPID</v>
          </cell>
        </row>
        <row r="269">
          <cell r="A269" t="str">
            <v>M CLINIC RESEAR</v>
          </cell>
        </row>
        <row r="270">
          <cell r="A270" t="str">
            <v>M CRIMI</v>
          </cell>
        </row>
        <row r="271">
          <cell r="A271" t="str">
            <v>M ECM &amp; MA</v>
          </cell>
        </row>
        <row r="272">
          <cell r="A272" t="str">
            <v>MEDIACS</v>
          </cell>
        </row>
        <row r="273">
          <cell r="A273" t="str">
            <v>MEDIACUL</v>
          </cell>
        </row>
        <row r="274">
          <cell r="A274" t="str">
            <v>MEDIAJOUR</v>
          </cell>
        </row>
        <row r="275">
          <cell r="A275" t="str">
            <v>MEL C</v>
          </cell>
        </row>
        <row r="276">
          <cell r="A276" t="str">
            <v>MEMR</v>
          </cell>
        </row>
        <row r="277">
          <cell r="A277" t="str">
            <v>MENBV</v>
          </cell>
        </row>
        <row r="278">
          <cell r="A278" t="str">
            <v>M ERM PHI ECON</v>
          </cell>
        </row>
        <row r="279">
          <cell r="A279" t="str">
            <v>M FILWETEN</v>
          </cell>
        </row>
        <row r="280">
          <cell r="A280" t="str">
            <v>M FINRECHT</v>
          </cell>
        </row>
        <row r="281">
          <cell r="A281" t="str">
            <v>M FISC EC</v>
          </cell>
        </row>
        <row r="282">
          <cell r="A282" t="str">
            <v>MG-BA-IBA</v>
          </cell>
        </row>
        <row r="283">
          <cell r="A283" t="str">
            <v>MGBSM</v>
          </cell>
        </row>
        <row r="284">
          <cell r="A284" t="str">
            <v>MG-MA-MARMAN</v>
          </cell>
        </row>
        <row r="285">
          <cell r="A285" t="str">
            <v>M H.E.,P&amp;L</v>
          </cell>
        </row>
        <row r="286">
          <cell r="A286" t="str">
            <v>MHRM</v>
          </cell>
        </row>
        <row r="287">
          <cell r="A287" t="str">
            <v>MHRS</v>
          </cell>
        </row>
        <row r="288">
          <cell r="A288" t="str">
            <v>M H.S.R.</v>
          </cell>
        </row>
        <row r="289">
          <cell r="A289" t="str">
            <v>MI</v>
          </cell>
        </row>
        <row r="290">
          <cell r="A290" t="str">
            <v>M INF &amp; EC</v>
          </cell>
        </row>
        <row r="291">
          <cell r="A291" t="str">
            <v>M INF IMMUNITY</v>
          </cell>
        </row>
        <row r="292">
          <cell r="A292" t="str">
            <v>MINOR</v>
          </cell>
        </row>
        <row r="293">
          <cell r="A293" t="str">
            <v>MINOR_LDE</v>
          </cell>
        </row>
        <row r="294">
          <cell r="A294" t="str">
            <v>MIPMAPP</v>
          </cell>
        </row>
        <row r="295">
          <cell r="A295" t="str">
            <v>ML-LERAAR</v>
          </cell>
        </row>
        <row r="296">
          <cell r="A296" t="str">
            <v>MMANIN</v>
          </cell>
        </row>
        <row r="297">
          <cell r="A297" t="str">
            <v>MMARMAN</v>
          </cell>
        </row>
        <row r="298">
          <cell r="A298" t="str">
            <v>M MOLEC MED</v>
          </cell>
        </row>
        <row r="299">
          <cell r="A299" t="str">
            <v>M NEURO SCIENCE</v>
          </cell>
        </row>
        <row r="300">
          <cell r="A300" t="str">
            <v>MORCHCO</v>
          </cell>
        </row>
        <row r="301">
          <cell r="A301" t="str">
            <v>MPA</v>
          </cell>
        </row>
        <row r="302">
          <cell r="A302" t="str">
            <v>MPH-1</v>
          </cell>
        </row>
        <row r="303">
          <cell r="A303" t="str">
            <v>M.PHIL. EC</v>
          </cell>
        </row>
        <row r="304">
          <cell r="A304" t="str">
            <v>M PIM LOV</v>
          </cell>
        </row>
        <row r="305">
          <cell r="A305" t="str">
            <v>M PIM SOCZ</v>
          </cell>
        </row>
        <row r="306">
          <cell r="A306" t="str">
            <v>M PSYCHOL</v>
          </cell>
        </row>
        <row r="307">
          <cell r="A307" t="str">
            <v>M PUB.ADM.</v>
          </cell>
        </row>
        <row r="308">
          <cell r="A308" t="str">
            <v>M PUB.ADM.GCN</v>
          </cell>
        </row>
        <row r="309">
          <cell r="A309" t="str">
            <v>M PUBFINMAN</v>
          </cell>
        </row>
        <row r="310">
          <cell r="A310" t="str">
            <v>M PUBINFOMAN</v>
          </cell>
        </row>
        <row r="311">
          <cell r="A311" t="str">
            <v>MR/DRS</v>
          </cell>
        </row>
        <row r="312">
          <cell r="A312" t="str">
            <v>MREGEZO</v>
          </cell>
        </row>
        <row r="313">
          <cell r="A313" t="str">
            <v>M RES E.T.</v>
          </cell>
        </row>
        <row r="314">
          <cell r="A314" t="str">
            <v>M RES PAOS</v>
          </cell>
        </row>
        <row r="315">
          <cell r="A315" t="str">
            <v>MSC CORPCOM</v>
          </cell>
        </row>
        <row r="316">
          <cell r="A316" t="str">
            <v>MSC HS</v>
          </cell>
        </row>
        <row r="317">
          <cell r="A317" t="str">
            <v>M SCM</v>
          </cell>
        </row>
        <row r="318">
          <cell r="A318" t="str">
            <v>MSC MOL ME</v>
          </cell>
        </row>
        <row r="319">
          <cell r="A319" t="str">
            <v>M SOCIOL</v>
          </cell>
        </row>
        <row r="320">
          <cell r="A320" t="str">
            <v>MSTRMAN</v>
          </cell>
        </row>
        <row r="321">
          <cell r="A321" t="str">
            <v>MTOGA</v>
          </cell>
        </row>
        <row r="322">
          <cell r="A322" t="str">
            <v>MULTCULT</v>
          </cell>
        </row>
        <row r="323">
          <cell r="A323" t="str">
            <v>M WIJSB.</v>
          </cell>
        </row>
        <row r="324">
          <cell r="A324" t="str">
            <v>NANOBIOLOGIE</v>
          </cell>
        </row>
        <row r="325">
          <cell r="A325" t="str">
            <v>NED RECHT</v>
          </cell>
        </row>
        <row r="326">
          <cell r="A326" t="str">
            <v>NIHES CONTRACT</v>
          </cell>
        </row>
        <row r="327">
          <cell r="A327" t="str">
            <v>NT2</v>
          </cell>
        </row>
        <row r="328">
          <cell r="A328" t="str">
            <v>NUFFIC FEL</v>
          </cell>
        </row>
        <row r="329">
          <cell r="A329" t="str">
            <v>OC-EMC-DIV</v>
          </cell>
        </row>
        <row r="330">
          <cell r="A330" t="str">
            <v>OM HS</v>
          </cell>
        </row>
        <row r="331">
          <cell r="A331" t="str">
            <v>ONE MBA</v>
          </cell>
        </row>
        <row r="332">
          <cell r="A332" t="str">
            <v>O.OPL. MAA</v>
          </cell>
        </row>
        <row r="333">
          <cell r="A333" t="str">
            <v>OPERATIONA</v>
          </cell>
        </row>
        <row r="334">
          <cell r="A334" t="str">
            <v>OPL. S/S/H</v>
          </cell>
        </row>
        <row r="335">
          <cell r="A335" t="str">
            <v>ORG. V. D.</v>
          </cell>
        </row>
        <row r="336">
          <cell r="A336" t="str">
            <v>OVERIGWB</v>
          </cell>
        </row>
        <row r="337">
          <cell r="A337" t="str">
            <v>PALAR</v>
          </cell>
        </row>
        <row r="338">
          <cell r="A338" t="str">
            <v>PALMR</v>
          </cell>
        </row>
        <row r="339">
          <cell r="A339" t="str">
            <v>PALOR</v>
          </cell>
        </row>
        <row r="340">
          <cell r="A340" t="str">
            <v>PAO A&amp;O DE</v>
          </cell>
        </row>
        <row r="341">
          <cell r="A341" t="str">
            <v>PDO-BELAST</v>
          </cell>
        </row>
        <row r="342">
          <cell r="A342" t="str">
            <v>PDO EC.JOU</v>
          </cell>
        </row>
        <row r="343">
          <cell r="A343" t="str">
            <v>PDO-EIPE</v>
          </cell>
        </row>
        <row r="344">
          <cell r="A344" t="str">
            <v>PDO IDM</v>
          </cell>
        </row>
        <row r="345">
          <cell r="A345" t="str">
            <v>PDOJ</v>
          </cell>
        </row>
        <row r="346">
          <cell r="A346" t="str">
            <v>PDO JOURN.</v>
          </cell>
        </row>
        <row r="347">
          <cell r="A347" t="str">
            <v>PDO JUN.MA</v>
          </cell>
        </row>
        <row r="348">
          <cell r="A348" t="str">
            <v>PEA</v>
          </cell>
        </row>
        <row r="349">
          <cell r="A349" t="str">
            <v>PED</v>
          </cell>
        </row>
        <row r="350">
          <cell r="A350" t="str">
            <v>PEN_EXE_PR</v>
          </cell>
        </row>
        <row r="351">
          <cell r="A351" t="str">
            <v>PHD CLEANP</v>
          </cell>
        </row>
        <row r="352">
          <cell r="A352" t="str">
            <v>PHD COEUR CS</v>
          </cell>
        </row>
        <row r="353">
          <cell r="A353" t="str">
            <v>PHDDEVSTUD</v>
          </cell>
        </row>
        <row r="354">
          <cell r="A354" t="str">
            <v>PHD EGS3H</v>
          </cell>
        </row>
        <row r="355">
          <cell r="A355" t="str">
            <v>PHD EGSL</v>
          </cell>
        </row>
        <row r="356">
          <cell r="A356" t="str">
            <v>PHD EMC</v>
          </cell>
        </row>
        <row r="357">
          <cell r="A357" t="str">
            <v>PHD ERIM</v>
          </cell>
        </row>
        <row r="358">
          <cell r="A358" t="str">
            <v>PHD ESE</v>
          </cell>
        </row>
        <row r="359">
          <cell r="A359" t="str">
            <v>PHD ESHCC</v>
          </cell>
        </row>
        <row r="360">
          <cell r="A360" t="str">
            <v>PHD ESL</v>
          </cell>
        </row>
        <row r="361">
          <cell r="A361" t="str">
            <v>PHD EUC</v>
          </cell>
        </row>
        <row r="362">
          <cell r="A362" t="str">
            <v>PHD FSW</v>
          </cell>
        </row>
        <row r="363">
          <cell r="A363" t="str">
            <v>PHD FW</v>
          </cell>
        </row>
        <row r="364">
          <cell r="A364" t="str">
            <v>PHD IBMG</v>
          </cell>
        </row>
        <row r="365">
          <cell r="A365" t="str">
            <v>PHD ISS</v>
          </cell>
        </row>
        <row r="366">
          <cell r="A366" t="str">
            <v>PHD MGC BS</v>
          </cell>
        </row>
        <row r="367">
          <cell r="A367" t="str">
            <v>PHD MOLMED MM</v>
          </cell>
        </row>
        <row r="368">
          <cell r="A368" t="str">
            <v>PHD ONWAR NS</v>
          </cell>
        </row>
        <row r="369">
          <cell r="A369" t="str">
            <v>PHD_PT_RSM</v>
          </cell>
        </row>
        <row r="370">
          <cell r="A370" t="str">
            <v>PHD RSM</v>
          </cell>
        </row>
        <row r="371">
          <cell r="A371" t="str">
            <v>PHD TI</v>
          </cell>
        </row>
        <row r="372">
          <cell r="A372" t="str">
            <v>PLIVA MBA</v>
          </cell>
        </row>
        <row r="373">
          <cell r="A373" t="str">
            <v>PM ACC</v>
          </cell>
        </row>
        <row r="374">
          <cell r="A374" t="str">
            <v>PMA PTO BA</v>
          </cell>
        </row>
        <row r="375">
          <cell r="A375" t="str">
            <v>PM BEKKEN</v>
          </cell>
        </row>
        <row r="376">
          <cell r="A376" t="str">
            <v>PM KBEKKEN</v>
          </cell>
        </row>
        <row r="377">
          <cell r="A377" t="str">
            <v>PM-MEOB</v>
          </cell>
        </row>
        <row r="378">
          <cell r="A378" t="str">
            <v>POLITICOL.</v>
          </cell>
        </row>
        <row r="379">
          <cell r="A379" t="str">
            <v>POST KA BK</v>
          </cell>
        </row>
        <row r="380">
          <cell r="A380" t="str">
            <v>PRECUSTOMS</v>
          </cell>
        </row>
        <row r="381">
          <cell r="A381" t="str">
            <v>PREMACE</v>
          </cell>
        </row>
        <row r="382">
          <cell r="A382" t="str">
            <v>PREMAKCW</v>
          </cell>
        </row>
        <row r="383">
          <cell r="A383" t="str">
            <v>PREMAMCS</v>
          </cell>
        </row>
        <row r="384">
          <cell r="A384" t="str">
            <v>PREMAPED</v>
          </cell>
        </row>
        <row r="385">
          <cell r="A385" t="str">
            <v>PSYCH</v>
          </cell>
        </row>
        <row r="386">
          <cell r="A386" t="str">
            <v>PTO ECON &amp; BUSI</v>
          </cell>
        </row>
        <row r="387">
          <cell r="A387" t="str">
            <v>PUB. AUD.</v>
          </cell>
        </row>
        <row r="388">
          <cell r="A388" t="str">
            <v>Q INTELLIGENCE</v>
          </cell>
        </row>
        <row r="389">
          <cell r="A389" t="str">
            <v>RECHT DIV</v>
          </cell>
        </row>
        <row r="390">
          <cell r="A390" t="str">
            <v>RECHTSGELEERDH.</v>
          </cell>
        </row>
        <row r="391">
          <cell r="A391" t="str">
            <v>REG.CONTR.</v>
          </cell>
        </row>
        <row r="392">
          <cell r="A392" t="str">
            <v>RISBO</v>
          </cell>
        </row>
        <row r="393">
          <cell r="A393" t="str">
            <v>RM EMIH</v>
          </cell>
        </row>
        <row r="394">
          <cell r="A394" t="str">
            <v>RM SCMA</v>
          </cell>
        </row>
        <row r="395">
          <cell r="A395" t="str">
            <v>ROCHESTER</v>
          </cell>
        </row>
        <row r="396">
          <cell r="A396" t="str">
            <v>RSM EEOP</v>
          </cell>
        </row>
        <row r="397">
          <cell r="A397" t="str">
            <v>RSM FINMAN</v>
          </cell>
        </row>
        <row r="398">
          <cell r="A398" t="str">
            <v>RSM_RABO</v>
          </cell>
        </row>
        <row r="399">
          <cell r="A399" t="str">
            <v>RSM/RABOBA</v>
          </cell>
        </row>
        <row r="400">
          <cell r="A400" t="str">
            <v>SCHAKELPAK</v>
          </cell>
        </row>
        <row r="401">
          <cell r="A401" t="str">
            <v>SCHMC</v>
          </cell>
        </row>
        <row r="402">
          <cell r="A402" t="str">
            <v>SCHMG</v>
          </cell>
        </row>
        <row r="403">
          <cell r="A403" t="str">
            <v>SCHMJ</v>
          </cell>
        </row>
        <row r="404">
          <cell r="A404" t="str">
            <v>SCHPRBEA</v>
          </cell>
        </row>
        <row r="405">
          <cell r="A405" t="str">
            <v>SCHPRBEK</v>
          </cell>
        </row>
        <row r="406">
          <cell r="A406" t="str">
            <v>SCHPRBR</v>
          </cell>
        </row>
        <row r="407">
          <cell r="A407" t="str">
            <v>SCHPRBW</v>
          </cell>
        </row>
        <row r="408">
          <cell r="A408" t="str">
            <v>SCHPRFR</v>
          </cell>
        </row>
        <row r="409">
          <cell r="A409" t="str">
            <v>SCHPRIBA</v>
          </cell>
        </row>
        <row r="410">
          <cell r="A410" t="str">
            <v>SCHPRRG</v>
          </cell>
        </row>
        <row r="411">
          <cell r="A411" t="str">
            <v>SCHPRRVDG</v>
          </cell>
        </row>
        <row r="412">
          <cell r="A412" t="str">
            <v>SCHPRSOC</v>
          </cell>
        </row>
        <row r="413">
          <cell r="A413" t="str">
            <v>SERVICE ON</v>
          </cell>
        </row>
        <row r="414">
          <cell r="A414" t="str">
            <v>SESTSENATIWT</v>
          </cell>
        </row>
        <row r="415">
          <cell r="A415" t="str">
            <v>SOCIOLOGIE</v>
          </cell>
        </row>
        <row r="416">
          <cell r="A416" t="str">
            <v>SOCUMEARRE</v>
          </cell>
        </row>
        <row r="417">
          <cell r="A417" t="str">
            <v>SOCWET-DIV</v>
          </cell>
        </row>
        <row r="418">
          <cell r="A418" t="str">
            <v>SPEA</v>
          </cell>
        </row>
        <row r="419">
          <cell r="A419" t="str">
            <v>SP OPL FEC</v>
          </cell>
        </row>
        <row r="420">
          <cell r="A420" t="str">
            <v>TC HCM</v>
          </cell>
        </row>
        <row r="421">
          <cell r="A421" t="str">
            <v>TCMA HCM</v>
          </cell>
        </row>
        <row r="422">
          <cell r="A422" t="str">
            <v>TEMPUS</v>
          </cell>
        </row>
        <row r="423">
          <cell r="A423" t="str">
            <v>TI MA PHIL</v>
          </cell>
        </row>
        <row r="424">
          <cell r="A424" t="str">
            <v>URBAN MANA</v>
          </cell>
        </row>
        <row r="425">
          <cell r="A425" t="str">
            <v>VJE</v>
          </cell>
        </row>
        <row r="426">
          <cell r="A426" t="str">
            <v>VO BEDR W</v>
          </cell>
        </row>
        <row r="427">
          <cell r="A427" t="str">
            <v>VOORTRAJEC</v>
          </cell>
        </row>
        <row r="428">
          <cell r="A428" t="str">
            <v>VP COMM PRIV</v>
          </cell>
        </row>
        <row r="429">
          <cell r="A429" t="str">
            <v>WB</v>
          </cell>
        </row>
        <row r="430">
          <cell r="A430" t="str">
            <v>WGD</v>
          </cell>
        </row>
        <row r="431">
          <cell r="A431" t="str">
            <v>WVW</v>
          </cell>
        </row>
        <row r="432">
          <cell r="A432" t="str">
            <v>ZOMA VT</v>
          </cell>
        </row>
        <row r="433">
          <cell r="A433" t="str">
            <v>ZORGMANAGEMENT</v>
          </cell>
        </row>
      </sheetData>
      <sheetData sheetId="2"/>
    </sheetDataSet>
  </externalBook>
</externalLink>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printerSettings" Target="../printerSettings/printerSettings1.bin"/><Relationship Id="rId1" Type="http://schemas.openxmlformats.org/officeDocument/2006/relationships/hyperlink" Target="mailto:karinkarels@outlook.com"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mc:Ignorable="x14ac">
  <dimension ref="A4:AK14"/>
  <sheetViews>
    <sheetView showGridLines="0" tabSelected="1" zoomScale="85" zoomScaleNormal="85" workbookViewId="0">
      <selection activeCell="K20" sqref="K20"/>
    </sheetView>
  </sheetViews>
  <sheetFormatPr defaultRowHeight="15" x14ac:dyDescent="0.25"/>
  <cols>
    <col min="1" max="1" width="18.42578125" style="2" customWidth="1"/>
    <col min="2" max="2" width="16" style="2" customWidth="1"/>
    <col min="3" max="3" width="26.85546875" style="2" customWidth="1"/>
    <col min="4" max="4" width="13.28515625" style="2" customWidth="1"/>
    <col min="5" max="5" width="24.5703125" style="2" customWidth="1"/>
    <col min="6" max="6" width="10.85546875" style="2" customWidth="1"/>
    <col min="7" max="7" width="13.85546875" style="2" customWidth="1"/>
    <col min="8" max="8" width="8.7109375" style="2" customWidth="1"/>
    <col min="9" max="9" width="27" style="2" customWidth="1"/>
    <col min="10" max="10" width="20.7109375" style="2" customWidth="1"/>
    <col min="11" max="11" width="19" style="2" customWidth="1"/>
    <col min="12" max="12" width="15.85546875" style="2" customWidth="1"/>
    <col min="13" max="13" width="39.28515625" style="2" customWidth="1"/>
    <col min="14" max="14" width="29.42578125" style="2" customWidth="1"/>
    <col min="15" max="15" width="15" style="2" bestFit="1" customWidth="1"/>
    <col min="16" max="16" width="17.42578125" style="2" bestFit="1" customWidth="1"/>
    <col min="17" max="17" width="16.28515625" style="2" customWidth="1"/>
    <col min="18" max="18" width="12" style="2" customWidth="1"/>
    <col min="19" max="19" width="20.28515625" style="2" customWidth="1"/>
    <col min="20" max="20" width="20" style="2" customWidth="1"/>
    <col min="21" max="21" width="20.140625" style="2" bestFit="1" customWidth="1"/>
    <col min="22" max="22" width="8.85546875" style="2" customWidth="1"/>
    <col min="23" max="23" width="12" style="2" customWidth="1"/>
    <col min="24" max="24" width="11.28515625" style="2" customWidth="1"/>
    <col min="25" max="25" width="17.140625" style="2" bestFit="1" customWidth="1"/>
    <col min="26" max="26" width="20.140625" style="2" bestFit="1" customWidth="1"/>
    <col min="27" max="27" width="14.85546875" style="2" customWidth="1"/>
    <col min="28" max="28" width="17" style="2" customWidth="1"/>
    <col min="29" max="29" width="39.28515625" style="2" customWidth="1"/>
    <col min="30" max="30" width="15.7109375" style="2" customWidth="1"/>
    <col min="31" max="31" width="17.42578125" style="2" customWidth="1"/>
    <col min="32" max="32" width="12.42578125" style="2" customWidth="1"/>
    <col min="33" max="33" width="11.5703125" style="2" customWidth="1"/>
    <col min="34" max="34" width="26.140625" style="2" customWidth="1"/>
    <col min="35" max="35" width="25.42578125" style="2" customWidth="1"/>
    <col min="36" max="36" width="22.42578125" style="2" customWidth="1"/>
    <col min="37" max="37" width="15.85546875" style="2" customWidth="1"/>
    <col min="38" max="16384" width="9.140625" style="2"/>
  </cols>
  <sheetData>
    <row r="4" spans="1:37" ht="19.5" x14ac:dyDescent="0.3">
      <c r="B4" s="28" t="s">
        <v>67</v>
      </c>
    </row>
    <row r="6" spans="1:37" x14ac:dyDescent="0.25">
      <c r="B6" s="2" t="s">
        <v>69</v>
      </c>
    </row>
    <row r="7" spans="1:37" x14ac:dyDescent="0.25">
      <c r="B7" s="2" t="s">
        <v>68</v>
      </c>
    </row>
    <row r="8" spans="1:37" ht="15.75" thickBot="1" x14ac:dyDescent="0.3"/>
    <row r="9" spans="1:37" s="1" customFormat="1" ht="23.25" customHeight="1" x14ac:dyDescent="0.25">
      <c r="B9" s="3" t="s">
        <v>20</v>
      </c>
      <c r="C9" s="13" t="s">
        <v>23</v>
      </c>
      <c r="D9" s="10" t="s">
        <v>0</v>
      </c>
      <c r="E9" s="10" t="s">
        <v>24</v>
      </c>
      <c r="F9" s="10" t="s">
        <v>25</v>
      </c>
      <c r="G9" s="10" t="s">
        <v>1</v>
      </c>
      <c r="H9" s="10" t="s">
        <v>26</v>
      </c>
      <c r="I9" s="11" t="s">
        <v>33</v>
      </c>
      <c r="J9" s="10" t="s">
        <v>28</v>
      </c>
      <c r="K9" s="11" t="s">
        <v>29</v>
      </c>
      <c r="L9" s="11" t="s">
        <v>30</v>
      </c>
      <c r="M9" s="10" t="s">
        <v>31</v>
      </c>
      <c r="N9" s="10" t="s">
        <v>54</v>
      </c>
      <c r="O9" s="4" t="s">
        <v>32</v>
      </c>
      <c r="P9" s="4" t="s">
        <v>2</v>
      </c>
      <c r="Q9" s="4" t="s">
        <v>3</v>
      </c>
      <c r="R9" s="4" t="s">
        <v>4</v>
      </c>
      <c r="S9" s="4" t="s">
        <v>5</v>
      </c>
      <c r="T9" s="4" t="s">
        <v>6</v>
      </c>
      <c r="U9" s="10" t="s">
        <v>34</v>
      </c>
      <c r="V9" s="11" t="s">
        <v>7</v>
      </c>
      <c r="W9" s="13" t="s">
        <v>8</v>
      </c>
      <c r="X9" s="13" t="s">
        <v>9</v>
      </c>
      <c r="Y9" s="10" t="s">
        <v>35</v>
      </c>
      <c r="Z9" s="12" t="s">
        <v>36</v>
      </c>
      <c r="AA9" s="12" t="s">
        <v>37</v>
      </c>
      <c r="AB9" s="13" t="s">
        <v>10</v>
      </c>
      <c r="AC9" s="13" t="s">
        <v>47</v>
      </c>
      <c r="AD9" s="13" t="s">
        <v>46</v>
      </c>
      <c r="AE9" s="5" t="s">
        <v>39</v>
      </c>
      <c r="AF9" s="5" t="s">
        <v>40</v>
      </c>
      <c r="AG9" s="5" t="s">
        <v>41</v>
      </c>
      <c r="AH9" s="10" t="s">
        <v>43</v>
      </c>
      <c r="AI9" s="5" t="s">
        <v>11</v>
      </c>
      <c r="AJ9" s="5" t="s">
        <v>45</v>
      </c>
      <c r="AK9" s="6" t="s">
        <v>12</v>
      </c>
    </row>
    <row r="10" spans="1:37" s="27" customFormat="1" ht="21.75" customHeight="1" thickBot="1" x14ac:dyDescent="0.3">
      <c r="B10" s="30"/>
      <c r="C10" s="38" t="s">
        <v>66</v>
      </c>
      <c r="D10" s="32"/>
      <c r="E10" s="32"/>
      <c r="F10" s="32"/>
      <c r="G10" s="32"/>
      <c r="H10" s="33" t="s">
        <v>50</v>
      </c>
      <c r="I10" s="34"/>
      <c r="J10" s="34"/>
      <c r="K10" s="34"/>
      <c r="L10" s="34"/>
      <c r="M10" s="33" t="s">
        <v>51</v>
      </c>
      <c r="N10" s="32"/>
      <c r="O10" s="31"/>
      <c r="P10" s="31"/>
      <c r="Q10" s="31"/>
      <c r="R10" s="31"/>
      <c r="S10" s="31"/>
      <c r="T10" s="31"/>
      <c r="U10" s="32"/>
      <c r="V10" s="34"/>
      <c r="W10" s="35"/>
      <c r="X10" s="35"/>
      <c r="Y10" s="32"/>
      <c r="Z10" s="36"/>
      <c r="AA10" s="36"/>
      <c r="AB10" s="37"/>
      <c r="AC10" s="38" t="s">
        <v>48</v>
      </c>
      <c r="AD10" s="38" t="s">
        <v>58</v>
      </c>
      <c r="AE10" s="39"/>
      <c r="AF10" s="39"/>
      <c r="AG10" s="39"/>
      <c r="AH10" s="33" t="s">
        <v>44</v>
      </c>
      <c r="AI10" s="39"/>
      <c r="AJ10" s="39"/>
      <c r="AK10" s="40"/>
    </row>
    <row r="11" spans="1:37" s="1" customFormat="1" ht="20.25" customHeight="1" x14ac:dyDescent="0.25">
      <c r="B11" s="29" t="s">
        <v>21</v>
      </c>
      <c r="C11" s="18" t="s">
        <v>53</v>
      </c>
      <c r="D11" s="18" t="s">
        <v>60</v>
      </c>
      <c r="E11" s="18" t="s">
        <v>61</v>
      </c>
      <c r="F11" s="18" t="s">
        <v>62</v>
      </c>
      <c r="G11" s="18" t="s">
        <v>52</v>
      </c>
      <c r="H11" s="18" t="s">
        <v>13</v>
      </c>
      <c r="I11" s="23">
        <v>35472</v>
      </c>
      <c r="J11" s="19" t="s">
        <v>17</v>
      </c>
      <c r="K11" s="19" t="s">
        <v>18</v>
      </c>
      <c r="L11" s="19" t="s">
        <v>19</v>
      </c>
      <c r="M11" s="20">
        <v>35472</v>
      </c>
      <c r="N11" s="22" t="s">
        <v>55</v>
      </c>
      <c r="O11" s="7" t="s">
        <v>42</v>
      </c>
      <c r="P11" s="7" t="s">
        <v>70</v>
      </c>
      <c r="Q11" s="7" t="s">
        <v>22</v>
      </c>
      <c r="R11" s="7" t="s">
        <v>22</v>
      </c>
      <c r="S11" s="7" t="s">
        <v>22</v>
      </c>
      <c r="T11" s="7" t="s">
        <v>22</v>
      </c>
      <c r="U11" s="24" t="s">
        <v>63</v>
      </c>
      <c r="V11" s="24">
        <v>10</v>
      </c>
      <c r="W11" s="18" t="s">
        <v>56</v>
      </c>
      <c r="X11" s="18"/>
      <c r="Y11" s="18" t="s">
        <v>57</v>
      </c>
      <c r="Z11" s="21" t="s">
        <v>27</v>
      </c>
      <c r="AA11" s="21" t="s">
        <v>18</v>
      </c>
      <c r="AB11" s="18" t="s">
        <v>38</v>
      </c>
      <c r="AC11" s="18" t="s">
        <v>64</v>
      </c>
      <c r="AD11" s="18" t="s">
        <v>13</v>
      </c>
      <c r="AE11" s="7" t="s">
        <v>42</v>
      </c>
      <c r="AF11" s="7" t="s">
        <v>42</v>
      </c>
      <c r="AG11" s="7" t="s">
        <v>42</v>
      </c>
      <c r="AH11" s="20">
        <v>44896</v>
      </c>
      <c r="AI11" s="8" t="s">
        <v>42</v>
      </c>
      <c r="AJ11" s="8" t="s">
        <v>22</v>
      </c>
      <c r="AK11" s="9" t="s">
        <v>22</v>
      </c>
    </row>
    <row r="12" spans="1:37" ht="33.75" customHeight="1" thickBot="1" x14ac:dyDescent="0.3">
      <c r="A12" s="27" t="s">
        <v>65</v>
      </c>
      <c r="B12" s="14" t="s">
        <v>49</v>
      </c>
      <c r="C12" s="46"/>
      <c r="D12" s="41"/>
      <c r="E12" s="41"/>
      <c r="F12" s="41"/>
      <c r="G12" s="41"/>
      <c r="H12" s="41"/>
      <c r="I12" s="47"/>
      <c r="J12" s="43"/>
      <c r="K12" s="43"/>
      <c r="L12" s="43"/>
      <c r="M12" s="48"/>
      <c r="N12" s="41"/>
      <c r="O12" s="15" t="s">
        <v>14</v>
      </c>
      <c r="P12" s="15" t="s">
        <v>70</v>
      </c>
      <c r="Q12" s="15" t="s">
        <v>49</v>
      </c>
      <c r="R12" s="15" t="s">
        <v>49</v>
      </c>
      <c r="S12" s="15" t="s">
        <v>49</v>
      </c>
      <c r="T12" s="15" t="s">
        <v>49</v>
      </c>
      <c r="U12" s="43"/>
      <c r="V12" s="43"/>
      <c r="W12" s="42"/>
      <c r="X12" s="42"/>
      <c r="Y12" s="43"/>
      <c r="Z12" s="44"/>
      <c r="AA12" s="44"/>
      <c r="AB12" s="43"/>
      <c r="AC12" s="43"/>
      <c r="AD12" s="43"/>
      <c r="AE12" s="15" t="s">
        <v>15</v>
      </c>
      <c r="AF12" s="15" t="s">
        <v>16</v>
      </c>
      <c r="AG12" s="26">
        <v>2022</v>
      </c>
      <c r="AH12" s="45"/>
      <c r="AI12" s="16" t="s">
        <v>49</v>
      </c>
      <c r="AJ12" s="16" t="s">
        <v>49</v>
      </c>
      <c r="AK12" s="17" t="s">
        <v>49</v>
      </c>
    </row>
    <row r="14" spans="1:37" x14ac:dyDescent="0.25">
      <c r="B14" s="25" t="s">
        <v>59</v>
      </c>
    </row>
  </sheetData>
  <hyperlinks>
    <hyperlink ref="N11" r:id="rId1"/>
  </hyperlinks>
  <pageMargins left="0.7" right="0.7" top="0.75" bottom="0.75" header="0.3" footer="0.3"/>
  <pageSetup paperSize="9" orientation="portrait" r:id="rId2"/>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D614FEAA-2C2F-498E-9741-9E8B1C9220CC}">
  <ds:schemaRefs/>
</ds:datastoreItem>
</file>

<file path=customXml/itemProps2.xml><?xml version="1.0" encoding="utf-8"?>
<ds:datastoreItem xmlns:ds="http://schemas.openxmlformats.org/officeDocument/2006/customXml" ds:itemID="{E7706478-355D-4B99-80A4-7ED590D60A81}">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1</vt:i4>
      </vt:variant>
    </vt:vector>
  </HeadingPairs>
  <TitlesOfParts>
    <vt:vector size="1" baseType="lpstr">
      <vt:lpstr>Sheet1</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N. Jaber</dc:creator>
  <cp:lastModifiedBy>N. Jaber</cp:lastModifiedBy>
  <dcterms:created xsi:type="dcterms:W3CDTF">2022-10-20T07:13:36Z</dcterms:created>
  <dcterms:modified xsi:type="dcterms:W3CDTF">2022-10-20T10:40: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2640843</vt:lpwstr>
  </property>
  <property fmtid="{D5CDD505-2E9C-101B-9397-08002B2CF9AE}" pid="4" name="TemplafyUserProfileId">
    <vt:lpwstr>637762769073519610</vt:lpwstr>
  </property>
  <property fmtid="{D5CDD505-2E9C-101B-9397-08002B2CF9AE}" pid="5" name="TemplafyFromBlank">
    <vt:bool>true</vt:bool>
  </property>
</Properties>
</file>